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8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0-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0-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ederweer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schermopname, logo&#10;&#10;Automatisch gegenereerde beschrijving">
            <a:extLst>
              <a:ext uri="{FF2B5EF4-FFF2-40B4-BE49-F238E27FC236}">
                <a16:creationId xmlns:a16="http://schemas.microsoft.com/office/drawing/2014/main" id="{02E945A2-FF63-2F90-35A2-12D5F3B830C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0721" y="4553446"/>
            <a:ext cx="2300079" cy="204707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69222CF9-22AA-B855-8FF7-3FEAE75D925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8" y="3905251"/>
            <a:ext cx="1560687" cy="138901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30T14:10:29Z</dcterms:modified>
</cp:coreProperties>
</file>